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7" uniqueCount="340">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安来市医師会診療所</t>
    <phoneticPr fontId="3"/>
  </si>
  <si>
    <t>〒692-0206 安来市伯太町安田１７００番地</t>
    <phoneticPr fontId="3"/>
  </si>
  <si>
    <t>〇</t>
  </si>
  <si>
    <t>その他の法人</t>
  </si>
  <si>
    <t>内科</t>
  </si>
  <si>
    <t>無</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20050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9</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8</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8</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8</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8</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2.2999999999999998</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5</v>
      </c>
      <c r="K157" s="99" t="str">
        <f t="shared" ref="K157:K172" si="1">IF(OR(COUNTIF(L157:O157,"未確認")&gt;0,COUNTIF(L157:O157,"*")&gt;0),"※","")</f>
        <v/>
      </c>
      <c r="L157" s="167">
        <v>5</v>
      </c>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3</v>
      </c>
      <c r="K159" s="99" t="str">
        <f t="shared" si="1"/>
        <v/>
      </c>
      <c r="L159" s="167">
        <v>3</v>
      </c>
      <c r="M159" s="167">
        <v>0</v>
      </c>
      <c r="N159" s="167">
        <v>0</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8</v>
      </c>
      <c r="K162" s="99" t="str">
        <f t="shared" si="1"/>
        <v/>
      </c>
      <c r="L162" s="168">
        <v>0.8</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1</v>
      </c>
      <c r="K171" s="99" t="str">
        <f t="shared" si="1"/>
        <v/>
      </c>
      <c r="L171" s="167">
        <v>1</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1</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1</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334</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334</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334</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38</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15</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28.9</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2921</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41</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35</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12</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11</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6</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6</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41</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6</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4</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8</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4</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6</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13</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41</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37</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4</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t="s">
        <v>338</v>
      </c>
      <c r="K318" s="99" t="str">
        <f>IF(OR(COUNTIF(J318,"未確認")&gt;0,COUNTIF(J318,"*")&gt;0),"※","")</f>
        <v>※</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t="s">
        <v>338</v>
      </c>
      <c r="K319" s="99" t="str">
        <f>IF(OR(COUNTIF(J319,"未確認")&gt;0,COUNTIF(J319,"*")&gt;0),"※","")</f>
        <v>※</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4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41</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02:27Z</cp:lastPrinted>
  <dcterms:created xsi:type="dcterms:W3CDTF">2019-03-05T11:12:49Z</dcterms:created>
  <dcterms:modified xsi:type="dcterms:W3CDTF">2021-05-24T00:02:28Z</dcterms:modified>
</cp:coreProperties>
</file>